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G\55_保健医療データ活用事業\5560_基盤整備\NTTとの打合せ等\市町村事業評価支援用資料送付\掲載用\"/>
    </mc:Choice>
  </mc:AlternateContent>
  <bookViews>
    <workbookView xWindow="0" yWindow="0" windowWidth="19200" windowHeight="6490"/>
  </bookViews>
  <sheets>
    <sheet name="一世帯当たりの調定額の推移" sheetId="1" r:id="rId1"/>
  </sheets>
  <externalReferences>
    <externalReference r:id="rId2"/>
  </externalReference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一世帯当たりの調定額の推移!$A$1:$Q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0" uniqueCount="61">
  <si>
    <t>２.　保険料・税（１）　調定額・基準総所得金額等の状況</t>
  </si>
  <si>
    <t>・一世帯当たり調定額の推移（現年分）</t>
    <rPh sb="1" eb="4">
      <t>イッセタイ</t>
    </rPh>
    <rPh sb="4" eb="5">
      <t>ア</t>
    </rPh>
    <rPh sb="7" eb="8">
      <t>チョウ</t>
    </rPh>
    <rPh sb="8" eb="9">
      <t>テイ</t>
    </rPh>
    <rPh sb="9" eb="10">
      <t>ガク</t>
    </rPh>
    <rPh sb="11" eb="13">
      <t>スイイ</t>
    </rPh>
    <rPh sb="14" eb="15">
      <t>ゲン</t>
    </rPh>
    <rPh sb="15" eb="16">
      <t>ネン</t>
    </rPh>
    <rPh sb="16" eb="17">
      <t>ブン</t>
    </rPh>
    <phoneticPr fontId="5"/>
  </si>
  <si>
    <t>保険者名</t>
    <rPh sb="0" eb="3">
      <t>ホケンシャ</t>
    </rPh>
    <rPh sb="3" eb="4">
      <t>メイ</t>
    </rPh>
    <phoneticPr fontId="5"/>
  </si>
  <si>
    <t>28年度</t>
  </si>
  <si>
    <t>29年度</t>
  </si>
  <si>
    <t>30年度</t>
  </si>
  <si>
    <t>元年度</t>
    <rPh sb="0" eb="1">
      <t>ガン</t>
    </rPh>
    <phoneticPr fontId="5"/>
  </si>
  <si>
    <t>２年度</t>
    <phoneticPr fontId="5"/>
  </si>
  <si>
    <t>調定額</t>
  </si>
  <si>
    <t>順</t>
  </si>
  <si>
    <t>27→28</t>
  </si>
  <si>
    <t>28→29</t>
  </si>
  <si>
    <t>29→30</t>
  </si>
  <si>
    <t>30→元</t>
    <rPh sb="3" eb="4">
      <t>ガン</t>
    </rPh>
    <phoneticPr fontId="5"/>
  </si>
  <si>
    <t>元→２</t>
    <rPh sb="0" eb="1">
      <t>ガン</t>
    </rPh>
    <phoneticPr fontId="5"/>
  </si>
  <si>
    <t>（円）</t>
  </si>
  <si>
    <t>位</t>
  </si>
  <si>
    <t>伸率%</t>
  </si>
  <si>
    <t>伸率%</t>
    <phoneticPr fontId="5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5"/>
  </si>
  <si>
    <t>県    平    均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.00000;[Red]\-#,##0.00000"/>
  </numFmts>
  <fonts count="12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9"/>
      <name val="ＭＳ Ｐゴシック"/>
      <family val="3"/>
      <charset val="128"/>
    </font>
    <font>
      <sz val="6"/>
      <name val="ＭＳ Ｐ明朝"/>
      <family val="1"/>
      <charset val="128"/>
    </font>
    <font>
      <sz val="9"/>
      <color indexed="10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  <font>
      <sz val="9"/>
      <color rgb="FFCCECFF"/>
      <name val="ＭＳ Ｐゴシック"/>
      <family val="3"/>
      <charset val="128"/>
    </font>
    <font>
      <sz val="8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84">
    <xf numFmtId="0" fontId="0" fillId="0" borderId="0" xfId="0"/>
    <xf numFmtId="38" fontId="2" fillId="0" borderId="0" xfId="1" applyFont="1" applyFill="1"/>
    <xf numFmtId="38" fontId="4" fillId="0" borderId="0" xfId="1" applyFont="1" applyFill="1"/>
    <xf numFmtId="38" fontId="4" fillId="0" borderId="0" xfId="1" applyNumberFormat="1" applyFont="1" applyFill="1"/>
    <xf numFmtId="176" fontId="4" fillId="0" borderId="0" xfId="1" applyNumberFormat="1" applyFont="1" applyFill="1"/>
    <xf numFmtId="38" fontId="4" fillId="0" borderId="0" xfId="1" applyFont="1" applyFill="1" applyAlignment="1"/>
    <xf numFmtId="38" fontId="6" fillId="0" borderId="0" xfId="1" applyFont="1" applyFill="1" applyBorder="1" applyAlignment="1">
      <alignment horizontal="center"/>
    </xf>
    <xf numFmtId="38" fontId="6" fillId="0" borderId="0" xfId="1" applyNumberFormat="1" applyFont="1" applyFill="1" applyBorder="1" applyAlignment="1">
      <alignment horizontal="center"/>
    </xf>
    <xf numFmtId="0" fontId="0" fillId="0" borderId="0" xfId="0" applyFill="1" applyAlignment="1">
      <alignment vertical="center"/>
    </xf>
    <xf numFmtId="38" fontId="4" fillId="0" borderId="0" xfId="1" applyFont="1" applyFill="1" applyAlignment="1">
      <alignment horizontal="center"/>
    </xf>
    <xf numFmtId="38" fontId="4" fillId="0" borderId="1" xfId="1" applyFont="1" applyFill="1" applyBorder="1" applyAlignment="1">
      <alignment horizontal="distributed" vertical="center" justifyLastLine="1"/>
    </xf>
    <xf numFmtId="0" fontId="0" fillId="0" borderId="2" xfId="0" applyFill="1" applyBorder="1" applyAlignment="1">
      <alignment horizontal="distributed" vertical="center" justifyLastLine="1"/>
    </xf>
    <xf numFmtId="0" fontId="4" fillId="0" borderId="2" xfId="0" quotePrefix="1" applyFont="1" applyFill="1" applyBorder="1" applyAlignment="1">
      <alignment horizontal="distributed" vertical="center" justifyLastLine="1"/>
    </xf>
    <xf numFmtId="0" fontId="4" fillId="0" borderId="2" xfId="0" applyFont="1" applyFill="1" applyBorder="1" applyAlignment="1">
      <alignment horizontal="distributed" vertical="center" justifyLastLine="1"/>
    </xf>
    <xf numFmtId="38" fontId="4" fillId="0" borderId="2" xfId="1" quotePrefix="1" applyFont="1" applyFill="1" applyBorder="1" applyAlignment="1">
      <alignment horizontal="distributed" vertical="center" justifyLastLine="1"/>
    </xf>
    <xf numFmtId="0" fontId="0" fillId="0" borderId="3" xfId="0" applyFill="1" applyBorder="1" applyAlignment="1">
      <alignment horizontal="distributed" vertical="center" justifyLastLine="1"/>
    </xf>
    <xf numFmtId="38" fontId="4" fillId="0" borderId="0" xfId="1" applyFont="1" applyFill="1" applyAlignment="1">
      <alignment vertical="center"/>
    </xf>
    <xf numFmtId="38" fontId="4" fillId="0" borderId="0" xfId="1" applyFont="1" applyFill="1" applyAlignment="1">
      <alignment horizontal="right" vertical="center"/>
    </xf>
    <xf numFmtId="38" fontId="6" fillId="0" borderId="0" xfId="1" quotePrefix="1" applyFont="1" applyFill="1" applyAlignment="1">
      <alignment horizontal="left" wrapText="1"/>
    </xf>
    <xf numFmtId="38" fontId="6" fillId="0" borderId="0" xfId="1" applyFont="1" applyFill="1" applyAlignment="1">
      <alignment wrapText="1"/>
    </xf>
    <xf numFmtId="0" fontId="0" fillId="0" borderId="4" xfId="0" applyFill="1" applyBorder="1" applyAlignment="1">
      <alignment horizontal="distributed" vertical="center" justifyLastLine="1"/>
    </xf>
    <xf numFmtId="0" fontId="0" fillId="0" borderId="5" xfId="0" applyFill="1" applyBorder="1" applyAlignment="1">
      <alignment horizontal="distributed" vertical="center" justifyLastLine="1"/>
    </xf>
    <xf numFmtId="38" fontId="4" fillId="0" borderId="6" xfId="1" quotePrefix="1" applyFont="1" applyFill="1" applyBorder="1" applyAlignment="1">
      <alignment horizontal="center"/>
    </xf>
    <xf numFmtId="38" fontId="7" fillId="0" borderId="6" xfId="1" applyFont="1" applyFill="1" applyBorder="1" applyAlignment="1">
      <alignment horizontal="center"/>
    </xf>
    <xf numFmtId="38" fontId="4" fillId="0" borderId="6" xfId="1" applyFont="1" applyFill="1" applyBorder="1" applyAlignment="1">
      <alignment horizontal="center"/>
    </xf>
    <xf numFmtId="38" fontId="4" fillId="0" borderId="6" xfId="1" quotePrefix="1" applyNumberFormat="1" applyFont="1" applyFill="1" applyBorder="1" applyAlignment="1">
      <alignment horizontal="center"/>
    </xf>
    <xf numFmtId="38" fontId="4" fillId="0" borderId="7" xfId="1" quotePrefix="1" applyFont="1" applyFill="1" applyBorder="1" applyAlignment="1">
      <alignment horizontal="center"/>
    </xf>
    <xf numFmtId="38" fontId="4" fillId="0" borderId="0" xfId="1" applyFont="1" applyFill="1" applyAlignment="1">
      <alignment horizontal="right"/>
    </xf>
    <xf numFmtId="38" fontId="4" fillId="0" borderId="8" xfId="1" applyFont="1" applyFill="1" applyBorder="1" applyAlignment="1">
      <alignment horizontal="center"/>
    </xf>
    <xf numFmtId="38" fontId="7" fillId="0" borderId="8" xfId="1" applyFont="1" applyFill="1" applyBorder="1" applyAlignment="1">
      <alignment horizontal="center"/>
    </xf>
    <xf numFmtId="38" fontId="4" fillId="0" borderId="8" xfId="1" applyNumberFormat="1" applyFont="1" applyFill="1" applyBorder="1" applyAlignment="1">
      <alignment horizontal="center"/>
    </xf>
    <xf numFmtId="38" fontId="4" fillId="0" borderId="9" xfId="1" applyFont="1" applyFill="1" applyBorder="1" applyAlignment="1">
      <alignment horizontal="center"/>
    </xf>
    <xf numFmtId="38" fontId="4" fillId="0" borderId="0" xfId="1" applyFont="1" applyFill="1" applyBorder="1"/>
    <xf numFmtId="38" fontId="4" fillId="0" borderId="10" xfId="1" applyFont="1" applyFill="1" applyBorder="1"/>
    <xf numFmtId="38" fontId="8" fillId="0" borderId="5" xfId="1" applyFont="1" applyFill="1" applyBorder="1"/>
    <xf numFmtId="38" fontId="9" fillId="0" borderId="5" xfId="3" applyNumberFormat="1" applyFont="1" applyFill="1" applyBorder="1"/>
    <xf numFmtId="4" fontId="9" fillId="0" borderId="5" xfId="3" applyNumberFormat="1" applyFont="1" applyFill="1" applyBorder="1"/>
    <xf numFmtId="3" fontId="9" fillId="0" borderId="5" xfId="3" applyNumberFormat="1" applyFont="1" applyFill="1" applyBorder="1"/>
    <xf numFmtId="38" fontId="9" fillId="0" borderId="11" xfId="1" applyNumberFormat="1" applyFont="1" applyFill="1" applyBorder="1"/>
    <xf numFmtId="38" fontId="9" fillId="0" borderId="5" xfId="1" applyFont="1" applyFill="1" applyBorder="1"/>
    <xf numFmtId="4" fontId="9" fillId="0" borderId="12" xfId="1" applyNumberFormat="1" applyFont="1" applyFill="1" applyBorder="1"/>
    <xf numFmtId="38" fontId="10" fillId="0" borderId="0" xfId="1" quotePrefix="1" applyFont="1" applyFill="1" applyBorder="1" applyAlignment="1" applyProtection="1">
      <alignment vertical="center"/>
    </xf>
    <xf numFmtId="38" fontId="4" fillId="0" borderId="13" xfId="1" applyFont="1" applyFill="1" applyBorder="1"/>
    <xf numFmtId="38" fontId="9" fillId="0" borderId="5" xfId="1" applyNumberFormat="1" applyFont="1" applyFill="1" applyBorder="1"/>
    <xf numFmtId="38" fontId="11" fillId="0" borderId="0" xfId="1" applyFont="1" applyFill="1"/>
    <xf numFmtId="38" fontId="10" fillId="0" borderId="0" xfId="1" applyFont="1" applyFill="1" applyBorder="1" applyAlignment="1" applyProtection="1">
      <alignment vertical="center"/>
    </xf>
    <xf numFmtId="38" fontId="4" fillId="0" borderId="14" xfId="1" applyFont="1" applyFill="1" applyBorder="1"/>
    <xf numFmtId="38" fontId="8" fillId="0" borderId="15" xfId="1" applyFont="1" applyFill="1" applyBorder="1"/>
    <xf numFmtId="38" fontId="9" fillId="0" borderId="15" xfId="3" applyNumberFormat="1" applyFont="1" applyFill="1" applyBorder="1"/>
    <xf numFmtId="4" fontId="9" fillId="0" borderId="15" xfId="3" applyNumberFormat="1" applyFont="1" applyFill="1" applyBorder="1"/>
    <xf numFmtId="3" fontId="9" fillId="0" borderId="15" xfId="3" applyNumberFormat="1" applyFont="1" applyFill="1" applyBorder="1"/>
    <xf numFmtId="38" fontId="9" fillId="0" borderId="15" xfId="1" applyNumberFormat="1" applyFont="1" applyFill="1" applyBorder="1"/>
    <xf numFmtId="38" fontId="9" fillId="0" borderId="15" xfId="1" applyFont="1" applyFill="1" applyBorder="1"/>
    <xf numFmtId="4" fontId="9" fillId="0" borderId="16" xfId="1" applyNumberFormat="1" applyFont="1" applyFill="1" applyBorder="1"/>
    <xf numFmtId="38" fontId="4" fillId="0" borderId="17" xfId="1" applyFont="1" applyFill="1" applyBorder="1"/>
    <xf numFmtId="38" fontId="8" fillId="0" borderId="18" xfId="1" applyFont="1" applyFill="1" applyBorder="1"/>
    <xf numFmtId="38" fontId="9" fillId="0" borderId="18" xfId="3" applyNumberFormat="1" applyFont="1" applyFill="1" applyBorder="1"/>
    <xf numFmtId="4" fontId="9" fillId="0" borderId="18" xfId="3" applyNumberFormat="1" applyFont="1" applyFill="1" applyBorder="1"/>
    <xf numFmtId="3" fontId="9" fillId="0" borderId="18" xfId="3" applyNumberFormat="1" applyFont="1" applyFill="1" applyBorder="1"/>
    <xf numFmtId="38" fontId="9" fillId="0" borderId="18" xfId="1" applyNumberFormat="1" applyFont="1" applyFill="1" applyBorder="1"/>
    <xf numFmtId="38" fontId="9" fillId="0" borderId="18" xfId="1" applyFont="1" applyFill="1" applyBorder="1"/>
    <xf numFmtId="4" fontId="9" fillId="0" borderId="19" xfId="1" applyNumberFormat="1" applyFont="1" applyFill="1" applyBorder="1"/>
    <xf numFmtId="38" fontId="10" fillId="0" borderId="0" xfId="1" applyFont="1" applyFill="1" applyBorder="1"/>
    <xf numFmtId="38" fontId="4" fillId="0" borderId="20" xfId="1" applyFont="1" applyFill="1" applyBorder="1" applyAlignment="1">
      <alignment horizontal="distributed" justifyLastLine="1"/>
    </xf>
    <xf numFmtId="38" fontId="4" fillId="0" borderId="21" xfId="1" applyFont="1" applyFill="1" applyBorder="1" applyAlignment="1">
      <alignment horizontal="distributed" justifyLastLine="1"/>
    </xf>
    <xf numFmtId="38" fontId="9" fillId="0" borderId="21" xfId="3" applyNumberFormat="1" applyFont="1" applyFill="1" applyBorder="1"/>
    <xf numFmtId="40" fontId="9" fillId="0" borderId="21" xfId="3" applyNumberFormat="1" applyFont="1" applyFill="1" applyBorder="1"/>
    <xf numFmtId="4" fontId="9" fillId="0" borderId="21" xfId="3" applyNumberFormat="1" applyFont="1" applyFill="1" applyBorder="1"/>
    <xf numFmtId="3" fontId="9" fillId="0" borderId="21" xfId="3" applyNumberFormat="1" applyFont="1" applyFill="1" applyBorder="1"/>
    <xf numFmtId="38" fontId="9" fillId="0" borderId="21" xfId="1" applyNumberFormat="1" applyFont="1" applyFill="1" applyBorder="1"/>
    <xf numFmtId="38" fontId="9" fillId="0" borderId="21" xfId="1" applyFont="1" applyFill="1" applyBorder="1"/>
    <xf numFmtId="4" fontId="9" fillId="0" borderId="22" xfId="1" applyNumberFormat="1" applyFont="1" applyFill="1" applyBorder="1"/>
    <xf numFmtId="38" fontId="4" fillId="0" borderId="23" xfId="1" applyFont="1" applyFill="1" applyBorder="1" applyAlignment="1">
      <alignment horizontal="distributed" justifyLastLine="1"/>
    </xf>
    <xf numFmtId="38" fontId="4" fillId="0" borderId="24" xfId="1" applyFont="1" applyFill="1" applyBorder="1" applyAlignment="1">
      <alignment horizontal="distributed" justifyLastLine="1"/>
    </xf>
    <xf numFmtId="38" fontId="9" fillId="0" borderId="24" xfId="3" applyNumberFormat="1" applyFont="1" applyFill="1" applyBorder="1"/>
    <xf numFmtId="40" fontId="9" fillId="0" borderId="24" xfId="3" applyNumberFormat="1" applyFont="1" applyFill="1" applyBorder="1"/>
    <xf numFmtId="4" fontId="9" fillId="0" borderId="24" xfId="3" applyNumberFormat="1" applyFont="1" applyFill="1" applyBorder="1"/>
    <xf numFmtId="3" fontId="9" fillId="0" borderId="24" xfId="3" applyNumberFormat="1" applyFont="1" applyFill="1" applyBorder="1"/>
    <xf numFmtId="38" fontId="9" fillId="0" borderId="24" xfId="1" applyNumberFormat="1" applyFont="1" applyFill="1" applyBorder="1"/>
    <xf numFmtId="38" fontId="9" fillId="0" borderId="24" xfId="1" applyFont="1" applyFill="1" applyBorder="1"/>
    <xf numFmtId="4" fontId="9" fillId="0" borderId="25" xfId="1" applyNumberFormat="1" applyFont="1" applyFill="1" applyBorder="1"/>
    <xf numFmtId="49" fontId="4" fillId="0" borderId="0" xfId="1" applyNumberFormat="1" applyFont="1" applyFill="1" applyBorder="1" applyAlignment="1">
      <alignment horizontal="left"/>
    </xf>
    <xf numFmtId="10" fontId="4" fillId="0" borderId="0" xfId="2" applyNumberFormat="1" applyFont="1" applyFill="1"/>
    <xf numFmtId="0" fontId="4" fillId="0" borderId="0" xfId="1" applyNumberFormat="1" applyFont="1" applyFill="1"/>
  </cellXfs>
  <cellStyles count="4">
    <cellStyle name="パーセント" xfId="2" builtinId="5"/>
    <cellStyle name="桁区切り" xfId="1" builtinId="6"/>
    <cellStyle name="桁区切り 2" xfId="3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2_&#20581;&#24247;&#12389;&#12367;&#12426;G/55_&#20445;&#20581;&#21307;&#30274;&#12487;&#12540;&#12479;&#27963;&#29992;&#20107;&#26989;/5560_&#22522;&#30436;&#25972;&#20633;/NTT&#12392;&#12398;&#25171;&#21512;&#12379;&#31561;/&#24066;&#30010;&#26449;&#20107;&#26989;&#35413;&#20385;&#25903;&#25588;&#29992;&#36039;&#26009;&#36865;&#20184;/&#20445;&#38522;&#26009;&#21454;&#32013;&#29575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人当たりの基準総所得額の推移"/>
      <sheetName val=" 一人当たり調定額の推移"/>
      <sheetName val="一世帯当たりの調定額の推移"/>
      <sheetName val="負担率の推移"/>
      <sheetName val="収納率の推移（現年分）"/>
      <sheetName val="収納率の推移（滞納繰越分）"/>
      <sheetName val="収納率の推移（現年分・滞納繰越分合計）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Y51"/>
  <sheetViews>
    <sheetView tabSelected="1" zoomScaleNormal="100" zoomScaleSheetLayoutView="100" workbookViewId="0">
      <pane xSplit="2" ySplit="5" topLeftCell="C6" activePane="bottomRight" state="frozen"/>
      <selection pane="topRight" activeCell="C1" sqref="C1"/>
      <selection pane="bottomLeft" activeCell="A6" sqref="A6"/>
      <selection pane="bottomRight"/>
    </sheetView>
  </sheetViews>
  <sheetFormatPr defaultColWidth="9" defaultRowHeight="11" x14ac:dyDescent="0.2"/>
  <cols>
    <col min="1" max="1" width="3.453125" style="2" customWidth="1"/>
    <col min="2" max="2" width="10.08984375" style="2" customWidth="1"/>
    <col min="3" max="3" width="8.08984375" style="2" customWidth="1"/>
    <col min="4" max="4" width="3.08984375" style="2" customWidth="1"/>
    <col min="5" max="5" width="6.36328125" style="2" customWidth="1"/>
    <col min="6" max="6" width="8.08984375" style="2" customWidth="1"/>
    <col min="7" max="7" width="3.08984375" style="2" customWidth="1"/>
    <col min="8" max="8" width="6.36328125" style="2" customWidth="1"/>
    <col min="9" max="9" width="8.08984375" style="3" customWidth="1"/>
    <col min="10" max="10" width="3.08984375" style="3" customWidth="1"/>
    <col min="11" max="11" width="6.36328125" style="2" customWidth="1"/>
    <col min="12" max="12" width="8.08984375" style="2" customWidth="1"/>
    <col min="13" max="13" width="3.08984375" style="2" customWidth="1"/>
    <col min="14" max="14" width="6.36328125" style="2" customWidth="1"/>
    <col min="15" max="15" width="8.08984375" style="2" customWidth="1"/>
    <col min="16" max="16" width="3.08984375" style="2" customWidth="1"/>
    <col min="17" max="17" width="6.36328125" style="2" customWidth="1"/>
    <col min="18" max="19" width="4" style="2" customWidth="1"/>
    <col min="20" max="20" width="15.90625" style="2" customWidth="1"/>
    <col min="21" max="21" width="10.90625" style="2" customWidth="1"/>
    <col min="22" max="22" width="16.453125" style="2" customWidth="1"/>
    <col min="23" max="23" width="15.08984375" style="2" customWidth="1"/>
    <col min="24" max="24" width="10.453125" style="2" bestFit="1" customWidth="1"/>
    <col min="25" max="16384" width="9" style="2"/>
  </cols>
  <sheetData>
    <row r="1" spans="1:25" ht="16.5" customHeight="1" x14ac:dyDescent="0.2">
      <c r="A1" s="1" t="s">
        <v>0</v>
      </c>
      <c r="T1" s="4"/>
      <c r="X1" s="5"/>
      <c r="Y1" s="5"/>
    </row>
    <row r="2" spans="1:25" ht="18" customHeight="1" thickBot="1" x14ac:dyDescent="0.25">
      <c r="B2" s="1" t="s">
        <v>1</v>
      </c>
      <c r="C2" s="6"/>
      <c r="D2" s="6"/>
      <c r="E2" s="6"/>
      <c r="F2" s="6"/>
      <c r="G2" s="6"/>
      <c r="H2" s="6"/>
      <c r="I2" s="7"/>
      <c r="J2" s="7"/>
      <c r="K2" s="6"/>
      <c r="L2" s="6"/>
      <c r="M2" s="6"/>
      <c r="N2" s="6"/>
      <c r="U2" s="8"/>
      <c r="V2" s="9"/>
      <c r="W2" s="9"/>
      <c r="X2" s="5"/>
      <c r="Y2" s="5"/>
    </row>
    <row r="3" spans="1:25" s="16" customFormat="1" ht="15" customHeight="1" x14ac:dyDescent="0.2">
      <c r="A3" s="10" t="s">
        <v>2</v>
      </c>
      <c r="B3" s="11"/>
      <c r="C3" s="12" t="s">
        <v>3</v>
      </c>
      <c r="D3" s="13"/>
      <c r="E3" s="13"/>
      <c r="F3" s="12" t="s">
        <v>4</v>
      </c>
      <c r="G3" s="11"/>
      <c r="H3" s="11"/>
      <c r="I3" s="14" t="s">
        <v>5</v>
      </c>
      <c r="J3" s="11"/>
      <c r="K3" s="11"/>
      <c r="L3" s="14" t="s">
        <v>6</v>
      </c>
      <c r="M3" s="11"/>
      <c r="N3" s="11"/>
      <c r="O3" s="14" t="s">
        <v>7</v>
      </c>
      <c r="P3" s="11"/>
      <c r="Q3" s="15"/>
      <c r="T3" s="17"/>
      <c r="U3" s="17"/>
      <c r="V3" s="17"/>
      <c r="X3" s="18"/>
      <c r="Y3" s="19"/>
    </row>
    <row r="4" spans="1:25" ht="12.75" customHeight="1" x14ac:dyDescent="0.2">
      <c r="A4" s="20"/>
      <c r="B4" s="21"/>
      <c r="C4" s="22" t="s">
        <v>8</v>
      </c>
      <c r="D4" s="23" t="s">
        <v>9</v>
      </c>
      <c r="E4" s="22" t="s">
        <v>10</v>
      </c>
      <c r="F4" s="24" t="s">
        <v>8</v>
      </c>
      <c r="G4" s="23" t="s">
        <v>9</v>
      </c>
      <c r="H4" s="22" t="s">
        <v>11</v>
      </c>
      <c r="I4" s="25" t="s">
        <v>8</v>
      </c>
      <c r="J4" s="23" t="s">
        <v>9</v>
      </c>
      <c r="K4" s="22" t="s">
        <v>12</v>
      </c>
      <c r="L4" s="24" t="s">
        <v>8</v>
      </c>
      <c r="M4" s="23" t="s">
        <v>9</v>
      </c>
      <c r="N4" s="22" t="s">
        <v>13</v>
      </c>
      <c r="O4" s="24" t="s">
        <v>8</v>
      </c>
      <c r="P4" s="23" t="s">
        <v>9</v>
      </c>
      <c r="Q4" s="26" t="s">
        <v>14</v>
      </c>
      <c r="T4" s="27"/>
      <c r="V4" s="27"/>
      <c r="W4" s="27"/>
      <c r="X4" s="18"/>
      <c r="Y4" s="19"/>
    </row>
    <row r="5" spans="1:25" s="32" customFormat="1" ht="12.75" customHeight="1" x14ac:dyDescent="0.2">
      <c r="A5" s="20"/>
      <c r="B5" s="21"/>
      <c r="C5" s="28" t="s">
        <v>15</v>
      </c>
      <c r="D5" s="29" t="s">
        <v>16</v>
      </c>
      <c r="E5" s="28" t="s">
        <v>17</v>
      </c>
      <c r="F5" s="28" t="s">
        <v>15</v>
      </c>
      <c r="G5" s="29" t="s">
        <v>16</v>
      </c>
      <c r="H5" s="28" t="s">
        <v>17</v>
      </c>
      <c r="I5" s="30" t="s">
        <v>15</v>
      </c>
      <c r="J5" s="29" t="s">
        <v>16</v>
      </c>
      <c r="K5" s="28" t="s">
        <v>17</v>
      </c>
      <c r="L5" s="28" t="s">
        <v>15</v>
      </c>
      <c r="M5" s="29" t="s">
        <v>16</v>
      </c>
      <c r="N5" s="28" t="s">
        <v>17</v>
      </c>
      <c r="O5" s="28" t="s">
        <v>15</v>
      </c>
      <c r="P5" s="29" t="s">
        <v>16</v>
      </c>
      <c r="Q5" s="31" t="s">
        <v>18</v>
      </c>
    </row>
    <row r="6" spans="1:25" ht="19.5" customHeight="1" x14ac:dyDescent="0.2">
      <c r="A6" s="33">
        <v>1</v>
      </c>
      <c r="B6" s="34" t="s">
        <v>19</v>
      </c>
      <c r="C6" s="35">
        <v>157559</v>
      </c>
      <c r="D6" s="35">
        <v>21</v>
      </c>
      <c r="E6" s="36">
        <v>-0.92</v>
      </c>
      <c r="F6" s="35">
        <v>154788</v>
      </c>
      <c r="G6" s="35">
        <v>22</v>
      </c>
      <c r="H6" s="36">
        <v>-1.76</v>
      </c>
      <c r="I6" s="35">
        <v>160405</v>
      </c>
      <c r="J6" s="35">
        <v>14</v>
      </c>
      <c r="K6" s="36">
        <v>3.63</v>
      </c>
      <c r="L6" s="37">
        <v>159853</v>
      </c>
      <c r="M6" s="37">
        <v>15</v>
      </c>
      <c r="N6" s="36">
        <v>-0.34</v>
      </c>
      <c r="O6" s="38">
        <v>158156</v>
      </c>
      <c r="P6" s="39">
        <v>13</v>
      </c>
      <c r="Q6" s="40">
        <v>-1.06</v>
      </c>
      <c r="U6" s="41"/>
    </row>
    <row r="7" spans="1:25" ht="19.5" customHeight="1" x14ac:dyDescent="0.2">
      <c r="A7" s="42">
        <v>2</v>
      </c>
      <c r="B7" s="34" t="s">
        <v>20</v>
      </c>
      <c r="C7" s="35">
        <v>168930</v>
      </c>
      <c r="D7" s="35">
        <v>14</v>
      </c>
      <c r="E7" s="36">
        <v>1.74</v>
      </c>
      <c r="F7" s="35">
        <v>169088</v>
      </c>
      <c r="G7" s="35">
        <v>7</v>
      </c>
      <c r="H7" s="36">
        <v>0.09</v>
      </c>
      <c r="I7" s="35">
        <v>170670</v>
      </c>
      <c r="J7" s="35">
        <v>3</v>
      </c>
      <c r="K7" s="36">
        <v>0.94</v>
      </c>
      <c r="L7" s="37">
        <v>170414</v>
      </c>
      <c r="M7" s="37">
        <v>2</v>
      </c>
      <c r="N7" s="36">
        <v>-0.15</v>
      </c>
      <c r="O7" s="43">
        <v>167739</v>
      </c>
      <c r="P7" s="39">
        <v>1</v>
      </c>
      <c r="Q7" s="40">
        <v>-1.57</v>
      </c>
      <c r="R7" s="44"/>
      <c r="U7" s="45"/>
    </row>
    <row r="8" spans="1:25" ht="19.5" customHeight="1" x14ac:dyDescent="0.2">
      <c r="A8" s="42">
        <v>3</v>
      </c>
      <c r="B8" s="34" t="s">
        <v>21</v>
      </c>
      <c r="C8" s="35">
        <v>147693</v>
      </c>
      <c r="D8" s="35">
        <v>31</v>
      </c>
      <c r="E8" s="36">
        <v>-3.85</v>
      </c>
      <c r="F8" s="35">
        <v>152223</v>
      </c>
      <c r="G8" s="35">
        <v>25</v>
      </c>
      <c r="H8" s="36">
        <v>3.07</v>
      </c>
      <c r="I8" s="35">
        <v>148386</v>
      </c>
      <c r="J8" s="35">
        <v>27</v>
      </c>
      <c r="K8" s="36">
        <v>-2.52</v>
      </c>
      <c r="L8" s="37">
        <v>146161</v>
      </c>
      <c r="M8" s="37">
        <v>27</v>
      </c>
      <c r="N8" s="36">
        <v>-1.5</v>
      </c>
      <c r="O8" s="43">
        <v>141909</v>
      </c>
      <c r="P8" s="39">
        <v>29</v>
      </c>
      <c r="Q8" s="40">
        <v>-2.91</v>
      </c>
      <c r="U8" s="45"/>
    </row>
    <row r="9" spans="1:25" ht="19.5" customHeight="1" x14ac:dyDescent="0.2">
      <c r="A9" s="42">
        <v>4</v>
      </c>
      <c r="B9" s="34" t="s">
        <v>22</v>
      </c>
      <c r="C9" s="35">
        <v>158286</v>
      </c>
      <c r="D9" s="35">
        <v>20</v>
      </c>
      <c r="E9" s="36">
        <v>3.11</v>
      </c>
      <c r="F9" s="35">
        <v>151753</v>
      </c>
      <c r="G9" s="35">
        <v>26</v>
      </c>
      <c r="H9" s="36">
        <v>-4.13</v>
      </c>
      <c r="I9" s="35">
        <v>153247</v>
      </c>
      <c r="J9" s="35">
        <v>21</v>
      </c>
      <c r="K9" s="36">
        <v>0.98</v>
      </c>
      <c r="L9" s="37">
        <v>156478</v>
      </c>
      <c r="M9" s="37">
        <v>21</v>
      </c>
      <c r="N9" s="36">
        <v>2.11</v>
      </c>
      <c r="O9" s="43">
        <v>157189</v>
      </c>
      <c r="P9" s="39">
        <v>16</v>
      </c>
      <c r="Q9" s="40">
        <v>0.45</v>
      </c>
      <c r="U9" s="45"/>
    </row>
    <row r="10" spans="1:25" ht="19.5" customHeight="1" x14ac:dyDescent="0.2">
      <c r="A10" s="42">
        <v>5</v>
      </c>
      <c r="B10" s="34" t="s">
        <v>23</v>
      </c>
      <c r="C10" s="35">
        <v>161381</v>
      </c>
      <c r="D10" s="35">
        <v>18</v>
      </c>
      <c r="E10" s="36">
        <v>1.89</v>
      </c>
      <c r="F10" s="35">
        <v>157167</v>
      </c>
      <c r="G10" s="35">
        <v>20</v>
      </c>
      <c r="H10" s="36">
        <v>-2.61</v>
      </c>
      <c r="I10" s="35">
        <v>159140</v>
      </c>
      <c r="J10" s="35">
        <v>16</v>
      </c>
      <c r="K10" s="36">
        <v>1.26</v>
      </c>
      <c r="L10" s="37">
        <v>166158</v>
      </c>
      <c r="M10" s="37">
        <v>7</v>
      </c>
      <c r="N10" s="36">
        <v>4.41</v>
      </c>
      <c r="O10" s="43">
        <v>162984</v>
      </c>
      <c r="P10" s="39">
        <v>8</v>
      </c>
      <c r="Q10" s="40">
        <v>-1.91</v>
      </c>
      <c r="U10" s="45"/>
    </row>
    <row r="11" spans="1:25" ht="19.5" customHeight="1" x14ac:dyDescent="0.2">
      <c r="A11" s="42">
        <v>6</v>
      </c>
      <c r="B11" s="34" t="s">
        <v>24</v>
      </c>
      <c r="C11" s="35">
        <v>174962</v>
      </c>
      <c r="D11" s="35">
        <v>7</v>
      </c>
      <c r="E11" s="36">
        <v>-1.49</v>
      </c>
      <c r="F11" s="35">
        <v>166362</v>
      </c>
      <c r="G11" s="35">
        <v>11</v>
      </c>
      <c r="H11" s="36">
        <v>-4.92</v>
      </c>
      <c r="I11" s="35">
        <v>165366</v>
      </c>
      <c r="J11" s="35">
        <v>8</v>
      </c>
      <c r="K11" s="36">
        <v>-0.6</v>
      </c>
      <c r="L11" s="37">
        <v>162547</v>
      </c>
      <c r="M11" s="37">
        <v>11</v>
      </c>
      <c r="N11" s="36">
        <v>-1.7</v>
      </c>
      <c r="O11" s="43">
        <v>157885</v>
      </c>
      <c r="P11" s="39">
        <v>14</v>
      </c>
      <c r="Q11" s="40">
        <v>-2.87</v>
      </c>
      <c r="U11" s="45"/>
    </row>
    <row r="12" spans="1:25" ht="19.5" customHeight="1" x14ac:dyDescent="0.2">
      <c r="A12" s="42">
        <v>7</v>
      </c>
      <c r="B12" s="34" t="s">
        <v>25</v>
      </c>
      <c r="C12" s="35">
        <v>166566</v>
      </c>
      <c r="D12" s="35">
        <v>15</v>
      </c>
      <c r="E12" s="36">
        <v>-2.4300000000000002</v>
      </c>
      <c r="F12" s="35">
        <v>161530</v>
      </c>
      <c r="G12" s="35">
        <v>16</v>
      </c>
      <c r="H12" s="36">
        <v>-3.02</v>
      </c>
      <c r="I12" s="35">
        <v>162337</v>
      </c>
      <c r="J12" s="35">
        <v>10</v>
      </c>
      <c r="K12" s="36">
        <v>0.5</v>
      </c>
      <c r="L12" s="37">
        <v>161686</v>
      </c>
      <c r="M12" s="37">
        <v>13</v>
      </c>
      <c r="N12" s="36">
        <v>-0.4</v>
      </c>
      <c r="O12" s="43">
        <v>159567</v>
      </c>
      <c r="P12" s="39">
        <v>12</v>
      </c>
      <c r="Q12" s="40">
        <v>-1.31</v>
      </c>
      <c r="U12" s="45"/>
    </row>
    <row r="13" spans="1:25" ht="19.5" customHeight="1" x14ac:dyDescent="0.2">
      <c r="A13" s="42">
        <v>8</v>
      </c>
      <c r="B13" s="34" t="s">
        <v>26</v>
      </c>
      <c r="C13" s="35">
        <v>171173</v>
      </c>
      <c r="D13" s="35">
        <v>10</v>
      </c>
      <c r="E13" s="36">
        <v>0.89</v>
      </c>
      <c r="F13" s="35">
        <v>164806</v>
      </c>
      <c r="G13" s="35">
        <v>15</v>
      </c>
      <c r="H13" s="36">
        <v>-3.72</v>
      </c>
      <c r="I13" s="35">
        <v>162060</v>
      </c>
      <c r="J13" s="35">
        <v>12</v>
      </c>
      <c r="K13" s="36">
        <v>-1.67</v>
      </c>
      <c r="L13" s="37">
        <v>164320</v>
      </c>
      <c r="M13" s="37">
        <v>9</v>
      </c>
      <c r="N13" s="36">
        <v>1.39</v>
      </c>
      <c r="O13" s="43">
        <v>165321</v>
      </c>
      <c r="P13" s="39">
        <v>4</v>
      </c>
      <c r="Q13" s="40">
        <v>0.61</v>
      </c>
      <c r="U13" s="45"/>
    </row>
    <row r="14" spans="1:25" ht="19.5" customHeight="1" x14ac:dyDescent="0.2">
      <c r="A14" s="42">
        <v>9</v>
      </c>
      <c r="B14" s="34" t="s">
        <v>27</v>
      </c>
      <c r="C14" s="35">
        <v>155388</v>
      </c>
      <c r="D14" s="35">
        <v>24</v>
      </c>
      <c r="E14" s="36">
        <v>-1</v>
      </c>
      <c r="F14" s="35">
        <v>149297</v>
      </c>
      <c r="G14" s="35">
        <v>28</v>
      </c>
      <c r="H14" s="36">
        <v>-3.92</v>
      </c>
      <c r="I14" s="35">
        <v>153755</v>
      </c>
      <c r="J14" s="35">
        <v>20</v>
      </c>
      <c r="K14" s="36">
        <v>2.99</v>
      </c>
      <c r="L14" s="37">
        <v>158344</v>
      </c>
      <c r="M14" s="37">
        <v>19</v>
      </c>
      <c r="N14" s="36">
        <v>2.98</v>
      </c>
      <c r="O14" s="43">
        <v>154013</v>
      </c>
      <c r="P14" s="39">
        <v>18</v>
      </c>
      <c r="Q14" s="40">
        <v>-2.74</v>
      </c>
      <c r="U14" s="45"/>
    </row>
    <row r="15" spans="1:25" ht="19.5" customHeight="1" x14ac:dyDescent="0.2">
      <c r="A15" s="42">
        <v>10</v>
      </c>
      <c r="B15" s="34" t="s">
        <v>28</v>
      </c>
      <c r="C15" s="35">
        <v>153330</v>
      </c>
      <c r="D15" s="35">
        <v>27</v>
      </c>
      <c r="E15" s="36">
        <v>0.08</v>
      </c>
      <c r="F15" s="35">
        <v>147973</v>
      </c>
      <c r="G15" s="35">
        <v>29</v>
      </c>
      <c r="H15" s="36">
        <v>-3.49</v>
      </c>
      <c r="I15" s="35">
        <v>152238</v>
      </c>
      <c r="J15" s="35">
        <v>23</v>
      </c>
      <c r="K15" s="36">
        <v>2.88</v>
      </c>
      <c r="L15" s="37">
        <v>149899</v>
      </c>
      <c r="M15" s="37">
        <v>24</v>
      </c>
      <c r="N15" s="36">
        <v>-1.54</v>
      </c>
      <c r="O15" s="43">
        <v>147500</v>
      </c>
      <c r="P15" s="39">
        <v>24</v>
      </c>
      <c r="Q15" s="40">
        <v>-1.6</v>
      </c>
      <c r="U15" s="45"/>
    </row>
    <row r="16" spans="1:25" ht="19.5" customHeight="1" x14ac:dyDescent="0.2">
      <c r="A16" s="42">
        <v>11</v>
      </c>
      <c r="B16" s="34" t="s">
        <v>29</v>
      </c>
      <c r="C16" s="35">
        <v>194394</v>
      </c>
      <c r="D16" s="35">
        <v>3</v>
      </c>
      <c r="E16" s="36">
        <v>11.63</v>
      </c>
      <c r="F16" s="35">
        <v>190695</v>
      </c>
      <c r="G16" s="35">
        <v>1</v>
      </c>
      <c r="H16" s="36">
        <v>-1.9</v>
      </c>
      <c r="I16" s="35">
        <v>199074</v>
      </c>
      <c r="J16" s="35">
        <v>1</v>
      </c>
      <c r="K16" s="36">
        <v>4.3899999999999997</v>
      </c>
      <c r="L16" s="37">
        <v>192764</v>
      </c>
      <c r="M16" s="37">
        <v>1</v>
      </c>
      <c r="N16" s="36">
        <v>-3.17</v>
      </c>
      <c r="O16" s="43">
        <v>160912</v>
      </c>
      <c r="P16" s="39">
        <v>10</v>
      </c>
      <c r="Q16" s="40">
        <v>-16.52</v>
      </c>
      <c r="U16" s="45"/>
    </row>
    <row r="17" spans="1:21" ht="19.5" customHeight="1" x14ac:dyDescent="0.2">
      <c r="A17" s="42">
        <v>12</v>
      </c>
      <c r="B17" s="34" t="s">
        <v>30</v>
      </c>
      <c r="C17" s="35">
        <v>145808</v>
      </c>
      <c r="D17" s="35">
        <v>32</v>
      </c>
      <c r="E17" s="36">
        <v>-3.29</v>
      </c>
      <c r="F17" s="35">
        <v>140852</v>
      </c>
      <c r="G17" s="35">
        <v>32</v>
      </c>
      <c r="H17" s="36">
        <v>-3.4</v>
      </c>
      <c r="I17" s="35">
        <v>137260</v>
      </c>
      <c r="J17" s="35">
        <v>33</v>
      </c>
      <c r="K17" s="36">
        <v>-2.5499999999999998</v>
      </c>
      <c r="L17" s="37">
        <v>134803</v>
      </c>
      <c r="M17" s="37">
        <v>33</v>
      </c>
      <c r="N17" s="36">
        <v>-1.79</v>
      </c>
      <c r="O17" s="43">
        <v>142841</v>
      </c>
      <c r="P17" s="39">
        <v>28</v>
      </c>
      <c r="Q17" s="40">
        <v>5.96</v>
      </c>
      <c r="U17" s="45"/>
    </row>
    <row r="18" spans="1:21" ht="19.5" customHeight="1" x14ac:dyDescent="0.2">
      <c r="A18" s="42">
        <v>13</v>
      </c>
      <c r="B18" s="34" t="s">
        <v>31</v>
      </c>
      <c r="C18" s="35">
        <v>170937</v>
      </c>
      <c r="D18" s="35">
        <v>11</v>
      </c>
      <c r="E18" s="36">
        <v>-0.75</v>
      </c>
      <c r="F18" s="35">
        <v>168335</v>
      </c>
      <c r="G18" s="35">
        <v>10</v>
      </c>
      <c r="H18" s="36">
        <v>-1.52</v>
      </c>
      <c r="I18" s="35">
        <v>158262</v>
      </c>
      <c r="J18" s="35">
        <v>17</v>
      </c>
      <c r="K18" s="36">
        <v>-5.98</v>
      </c>
      <c r="L18" s="37">
        <v>158485</v>
      </c>
      <c r="M18" s="37">
        <v>18</v>
      </c>
      <c r="N18" s="36">
        <v>0.14000000000000001</v>
      </c>
      <c r="O18" s="43">
        <v>157717</v>
      </c>
      <c r="P18" s="39">
        <v>15</v>
      </c>
      <c r="Q18" s="40">
        <v>-0.48</v>
      </c>
      <c r="U18" s="45"/>
    </row>
    <row r="19" spans="1:21" ht="19.5" customHeight="1" x14ac:dyDescent="0.2">
      <c r="A19" s="42">
        <v>14</v>
      </c>
      <c r="B19" s="34" t="s">
        <v>32</v>
      </c>
      <c r="C19" s="35">
        <v>155337</v>
      </c>
      <c r="D19" s="35">
        <v>25</v>
      </c>
      <c r="E19" s="36">
        <v>-1.89</v>
      </c>
      <c r="F19" s="35">
        <v>151208</v>
      </c>
      <c r="G19" s="35">
        <v>27</v>
      </c>
      <c r="H19" s="36">
        <v>-2.66</v>
      </c>
      <c r="I19" s="35">
        <v>147512</v>
      </c>
      <c r="J19" s="35">
        <v>28</v>
      </c>
      <c r="K19" s="36">
        <v>-2.44</v>
      </c>
      <c r="L19" s="37">
        <v>146617</v>
      </c>
      <c r="M19" s="37">
        <v>25</v>
      </c>
      <c r="N19" s="36">
        <v>-0.61</v>
      </c>
      <c r="O19" s="43">
        <v>144297</v>
      </c>
      <c r="P19" s="39">
        <v>25</v>
      </c>
      <c r="Q19" s="40">
        <v>-1.58</v>
      </c>
      <c r="U19" s="45"/>
    </row>
    <row r="20" spans="1:21" ht="19.5" customHeight="1" x14ac:dyDescent="0.2">
      <c r="A20" s="42">
        <v>15</v>
      </c>
      <c r="B20" s="34" t="s">
        <v>33</v>
      </c>
      <c r="C20" s="35">
        <v>162560</v>
      </c>
      <c r="D20" s="35">
        <v>17</v>
      </c>
      <c r="E20" s="36">
        <v>-2.74</v>
      </c>
      <c r="F20" s="35">
        <v>158989</v>
      </c>
      <c r="G20" s="35">
        <v>19</v>
      </c>
      <c r="H20" s="36">
        <v>-2.2000000000000002</v>
      </c>
      <c r="I20" s="35">
        <v>154998</v>
      </c>
      <c r="J20" s="35">
        <v>18</v>
      </c>
      <c r="K20" s="36">
        <v>-2.5099999999999998</v>
      </c>
      <c r="L20" s="37">
        <v>152760</v>
      </c>
      <c r="M20" s="37">
        <v>22</v>
      </c>
      <c r="N20" s="36">
        <v>-1.44</v>
      </c>
      <c r="O20" s="43">
        <v>153725</v>
      </c>
      <c r="P20" s="39">
        <v>19</v>
      </c>
      <c r="Q20" s="40">
        <v>0.63</v>
      </c>
      <c r="U20" s="45"/>
    </row>
    <row r="21" spans="1:21" ht="19.5" customHeight="1" x14ac:dyDescent="0.2">
      <c r="A21" s="42">
        <v>16</v>
      </c>
      <c r="B21" s="34" t="s">
        <v>34</v>
      </c>
      <c r="C21" s="35">
        <v>151143</v>
      </c>
      <c r="D21" s="35">
        <v>29</v>
      </c>
      <c r="E21" s="36">
        <v>-1.9</v>
      </c>
      <c r="F21" s="35">
        <v>145828</v>
      </c>
      <c r="G21" s="35">
        <v>30</v>
      </c>
      <c r="H21" s="36">
        <v>-3.52</v>
      </c>
      <c r="I21" s="35">
        <v>146077</v>
      </c>
      <c r="J21" s="35">
        <v>30</v>
      </c>
      <c r="K21" s="36">
        <v>0.17</v>
      </c>
      <c r="L21" s="37">
        <v>144036</v>
      </c>
      <c r="M21" s="37">
        <v>29</v>
      </c>
      <c r="N21" s="36">
        <v>-1.4</v>
      </c>
      <c r="O21" s="43">
        <v>150304</v>
      </c>
      <c r="P21" s="39">
        <v>22</v>
      </c>
      <c r="Q21" s="40">
        <v>4.3499999999999996</v>
      </c>
      <c r="U21" s="45"/>
    </row>
    <row r="22" spans="1:21" ht="19.5" customHeight="1" x14ac:dyDescent="0.2">
      <c r="A22" s="42">
        <v>17</v>
      </c>
      <c r="B22" s="34" t="s">
        <v>35</v>
      </c>
      <c r="C22" s="35">
        <v>139621</v>
      </c>
      <c r="D22" s="35">
        <v>33</v>
      </c>
      <c r="E22" s="36">
        <v>5.88</v>
      </c>
      <c r="F22" s="35">
        <v>133838</v>
      </c>
      <c r="G22" s="35">
        <v>33</v>
      </c>
      <c r="H22" s="36">
        <v>-4.1399999999999997</v>
      </c>
      <c r="I22" s="35">
        <v>146817</v>
      </c>
      <c r="J22" s="35">
        <v>29</v>
      </c>
      <c r="K22" s="36">
        <v>9.6999999999999993</v>
      </c>
      <c r="L22" s="37">
        <v>146256</v>
      </c>
      <c r="M22" s="37">
        <v>26</v>
      </c>
      <c r="N22" s="36">
        <v>-0.38</v>
      </c>
      <c r="O22" s="43">
        <v>143314</v>
      </c>
      <c r="P22" s="39">
        <v>26</v>
      </c>
      <c r="Q22" s="40">
        <v>-2.0099999999999998</v>
      </c>
      <c r="U22" s="45"/>
    </row>
    <row r="23" spans="1:21" ht="19.5" customHeight="1" x14ac:dyDescent="0.2">
      <c r="A23" s="42">
        <v>18</v>
      </c>
      <c r="B23" s="34" t="s">
        <v>36</v>
      </c>
      <c r="C23" s="35">
        <v>176907</v>
      </c>
      <c r="D23" s="35">
        <v>5</v>
      </c>
      <c r="E23" s="36">
        <v>-2.73</v>
      </c>
      <c r="F23" s="35">
        <v>172764</v>
      </c>
      <c r="G23" s="35">
        <v>5</v>
      </c>
      <c r="H23" s="36">
        <v>-2.34</v>
      </c>
      <c r="I23" s="35">
        <v>161293</v>
      </c>
      <c r="J23" s="35">
        <v>13</v>
      </c>
      <c r="K23" s="36">
        <v>-6.64</v>
      </c>
      <c r="L23" s="37">
        <v>167340</v>
      </c>
      <c r="M23" s="37">
        <v>6</v>
      </c>
      <c r="N23" s="36">
        <v>3.75</v>
      </c>
      <c r="O23" s="43">
        <v>164345</v>
      </c>
      <c r="P23" s="39">
        <v>6</v>
      </c>
      <c r="Q23" s="40">
        <v>-1.79</v>
      </c>
      <c r="U23" s="45"/>
    </row>
    <row r="24" spans="1:21" ht="19.5" customHeight="1" x14ac:dyDescent="0.2">
      <c r="A24" s="42">
        <v>19</v>
      </c>
      <c r="B24" s="34" t="s">
        <v>37</v>
      </c>
      <c r="C24" s="35">
        <v>174019</v>
      </c>
      <c r="D24" s="35">
        <v>8</v>
      </c>
      <c r="E24" s="36">
        <v>-0.12</v>
      </c>
      <c r="F24" s="35">
        <v>175082</v>
      </c>
      <c r="G24" s="35">
        <v>3</v>
      </c>
      <c r="H24" s="36">
        <v>0.61</v>
      </c>
      <c r="I24" s="35">
        <v>171886</v>
      </c>
      <c r="J24" s="35">
        <v>2</v>
      </c>
      <c r="K24" s="36">
        <v>-1.83</v>
      </c>
      <c r="L24" s="37">
        <v>163068</v>
      </c>
      <c r="M24" s="37">
        <v>10</v>
      </c>
      <c r="N24" s="36">
        <v>-5.13</v>
      </c>
      <c r="O24" s="43">
        <v>152722</v>
      </c>
      <c r="P24" s="39">
        <v>20</v>
      </c>
      <c r="Q24" s="40">
        <v>-6.34</v>
      </c>
      <c r="U24" s="45"/>
    </row>
    <row r="25" spans="1:21" ht="19.5" customHeight="1" x14ac:dyDescent="0.2">
      <c r="A25" s="42">
        <v>20</v>
      </c>
      <c r="B25" s="34" t="s">
        <v>38</v>
      </c>
      <c r="C25" s="35">
        <v>197728</v>
      </c>
      <c r="D25" s="35">
        <v>2</v>
      </c>
      <c r="E25" s="36">
        <v>1.21</v>
      </c>
      <c r="F25" s="35">
        <v>160373</v>
      </c>
      <c r="G25" s="35">
        <v>17</v>
      </c>
      <c r="H25" s="36">
        <v>-18.89</v>
      </c>
      <c r="I25" s="35">
        <v>151007</v>
      </c>
      <c r="J25" s="35">
        <v>24</v>
      </c>
      <c r="K25" s="36">
        <v>-5.84</v>
      </c>
      <c r="L25" s="37">
        <v>156661</v>
      </c>
      <c r="M25" s="37">
        <v>20</v>
      </c>
      <c r="N25" s="36">
        <v>3.74</v>
      </c>
      <c r="O25" s="43">
        <v>161368</v>
      </c>
      <c r="P25" s="39">
        <v>9</v>
      </c>
      <c r="Q25" s="40">
        <v>3</v>
      </c>
      <c r="U25" s="45"/>
    </row>
    <row r="26" spans="1:21" ht="19.5" customHeight="1" x14ac:dyDescent="0.2">
      <c r="A26" s="42">
        <v>21</v>
      </c>
      <c r="B26" s="34" t="s">
        <v>39</v>
      </c>
      <c r="C26" s="35">
        <v>150881</v>
      </c>
      <c r="D26" s="35">
        <v>30</v>
      </c>
      <c r="E26" s="36">
        <v>-3.49</v>
      </c>
      <c r="F26" s="35">
        <v>145091</v>
      </c>
      <c r="G26" s="35">
        <v>31</v>
      </c>
      <c r="H26" s="36">
        <v>-3.84</v>
      </c>
      <c r="I26" s="35">
        <v>142611</v>
      </c>
      <c r="J26" s="35">
        <v>32</v>
      </c>
      <c r="K26" s="36">
        <v>-1.71</v>
      </c>
      <c r="L26" s="37">
        <v>140360</v>
      </c>
      <c r="M26" s="37">
        <v>32</v>
      </c>
      <c r="N26" s="36">
        <v>-1.58</v>
      </c>
      <c r="O26" s="43">
        <v>137281</v>
      </c>
      <c r="P26" s="39">
        <v>30</v>
      </c>
      <c r="Q26" s="40">
        <v>-2.19</v>
      </c>
      <c r="U26" s="45"/>
    </row>
    <row r="27" spans="1:21" ht="19.5" customHeight="1" x14ac:dyDescent="0.2">
      <c r="A27" s="42">
        <v>22</v>
      </c>
      <c r="B27" s="34" t="s">
        <v>40</v>
      </c>
      <c r="C27" s="35">
        <v>169609</v>
      </c>
      <c r="D27" s="35">
        <v>13</v>
      </c>
      <c r="E27" s="36">
        <v>-0.45</v>
      </c>
      <c r="F27" s="35">
        <v>165850</v>
      </c>
      <c r="G27" s="35">
        <v>13</v>
      </c>
      <c r="H27" s="36">
        <v>-2.2200000000000002</v>
      </c>
      <c r="I27" s="35">
        <v>166977</v>
      </c>
      <c r="J27" s="35">
        <v>4</v>
      </c>
      <c r="K27" s="36">
        <v>0.68</v>
      </c>
      <c r="L27" s="37">
        <v>167490</v>
      </c>
      <c r="M27" s="37">
        <v>5</v>
      </c>
      <c r="N27" s="36">
        <v>0.31</v>
      </c>
      <c r="O27" s="43">
        <v>164970</v>
      </c>
      <c r="P27" s="39">
        <v>5</v>
      </c>
      <c r="Q27" s="40">
        <v>-1.5</v>
      </c>
      <c r="U27" s="45"/>
    </row>
    <row r="28" spans="1:21" ht="19.5" customHeight="1" x14ac:dyDescent="0.2">
      <c r="A28" s="42">
        <v>23</v>
      </c>
      <c r="B28" s="34" t="s">
        <v>41</v>
      </c>
      <c r="C28" s="35">
        <v>156119</v>
      </c>
      <c r="D28" s="35">
        <v>23</v>
      </c>
      <c r="E28" s="36">
        <v>-2.0299999999999998</v>
      </c>
      <c r="F28" s="35">
        <v>166092</v>
      </c>
      <c r="G28" s="35">
        <v>12</v>
      </c>
      <c r="H28" s="36">
        <v>6.39</v>
      </c>
      <c r="I28" s="35">
        <v>162236</v>
      </c>
      <c r="J28" s="35">
        <v>11</v>
      </c>
      <c r="K28" s="36">
        <v>-2.3199999999999998</v>
      </c>
      <c r="L28" s="37">
        <v>169547</v>
      </c>
      <c r="M28" s="37">
        <v>3</v>
      </c>
      <c r="N28" s="36">
        <v>4.51</v>
      </c>
      <c r="O28" s="43">
        <v>166806</v>
      </c>
      <c r="P28" s="39">
        <v>3</v>
      </c>
      <c r="Q28" s="40">
        <v>-1.62</v>
      </c>
      <c r="U28" s="45"/>
    </row>
    <row r="29" spans="1:21" ht="19.5" customHeight="1" x14ac:dyDescent="0.2">
      <c r="A29" s="42">
        <v>24</v>
      </c>
      <c r="B29" s="34" t="s">
        <v>42</v>
      </c>
      <c r="C29" s="35">
        <v>164991</v>
      </c>
      <c r="D29" s="35">
        <v>16</v>
      </c>
      <c r="E29" s="36">
        <v>-4.3499999999999996</v>
      </c>
      <c r="F29" s="35">
        <v>160295</v>
      </c>
      <c r="G29" s="35">
        <v>18</v>
      </c>
      <c r="H29" s="36">
        <v>-2.85</v>
      </c>
      <c r="I29" s="35">
        <v>159810</v>
      </c>
      <c r="J29" s="35">
        <v>15</v>
      </c>
      <c r="K29" s="36">
        <v>-0.3</v>
      </c>
      <c r="L29" s="37">
        <v>159291</v>
      </c>
      <c r="M29" s="37">
        <v>17</v>
      </c>
      <c r="N29" s="36">
        <v>-0.32</v>
      </c>
      <c r="O29" s="43">
        <v>156701</v>
      </c>
      <c r="P29" s="39">
        <v>17</v>
      </c>
      <c r="Q29" s="40">
        <v>-1.63</v>
      </c>
      <c r="U29" s="45"/>
    </row>
    <row r="30" spans="1:21" ht="19.5" customHeight="1" x14ac:dyDescent="0.2">
      <c r="A30" s="42">
        <v>25</v>
      </c>
      <c r="B30" s="34" t="s">
        <v>43</v>
      </c>
      <c r="C30" s="35">
        <v>169982</v>
      </c>
      <c r="D30" s="35">
        <v>12</v>
      </c>
      <c r="E30" s="36">
        <v>-4.82</v>
      </c>
      <c r="F30" s="35">
        <v>165393</v>
      </c>
      <c r="G30" s="35">
        <v>14</v>
      </c>
      <c r="H30" s="36">
        <v>-2.7</v>
      </c>
      <c r="I30" s="35">
        <v>149029</v>
      </c>
      <c r="J30" s="35">
        <v>25</v>
      </c>
      <c r="K30" s="36">
        <v>-9.89</v>
      </c>
      <c r="L30" s="37">
        <v>141114</v>
      </c>
      <c r="M30" s="37">
        <v>31</v>
      </c>
      <c r="N30" s="36">
        <v>-5.31</v>
      </c>
      <c r="O30" s="43">
        <v>116831</v>
      </c>
      <c r="P30" s="39">
        <v>33</v>
      </c>
      <c r="Q30" s="40">
        <v>-17.21</v>
      </c>
      <c r="U30" s="45"/>
    </row>
    <row r="31" spans="1:21" ht="19.5" customHeight="1" x14ac:dyDescent="0.2">
      <c r="A31" s="42">
        <v>26</v>
      </c>
      <c r="B31" s="34" t="s">
        <v>44</v>
      </c>
      <c r="C31" s="35">
        <v>152325</v>
      </c>
      <c r="D31" s="35">
        <v>28</v>
      </c>
      <c r="E31" s="36">
        <v>-2.33</v>
      </c>
      <c r="F31" s="35">
        <v>168497</v>
      </c>
      <c r="G31" s="35">
        <v>9</v>
      </c>
      <c r="H31" s="36">
        <v>10.62</v>
      </c>
      <c r="I31" s="35">
        <v>164928</v>
      </c>
      <c r="J31" s="35">
        <v>9</v>
      </c>
      <c r="K31" s="36">
        <v>-2.12</v>
      </c>
      <c r="L31" s="37">
        <v>165083</v>
      </c>
      <c r="M31" s="37">
        <v>8</v>
      </c>
      <c r="N31" s="36">
        <v>0.09</v>
      </c>
      <c r="O31" s="43">
        <v>159935</v>
      </c>
      <c r="P31" s="39">
        <v>11</v>
      </c>
      <c r="Q31" s="40">
        <v>-3.12</v>
      </c>
      <c r="U31" s="45"/>
    </row>
    <row r="32" spans="1:21" ht="19.5" customHeight="1" x14ac:dyDescent="0.2">
      <c r="A32" s="42">
        <v>27</v>
      </c>
      <c r="B32" s="34" t="s">
        <v>45</v>
      </c>
      <c r="C32" s="35">
        <v>173981</v>
      </c>
      <c r="D32" s="35">
        <v>9</v>
      </c>
      <c r="E32" s="36">
        <v>-1.51</v>
      </c>
      <c r="F32" s="35">
        <v>171037</v>
      </c>
      <c r="G32" s="35">
        <v>6</v>
      </c>
      <c r="H32" s="36">
        <v>-1.69</v>
      </c>
      <c r="I32" s="35">
        <v>165640</v>
      </c>
      <c r="J32" s="35">
        <v>6</v>
      </c>
      <c r="K32" s="36">
        <v>-3.16</v>
      </c>
      <c r="L32" s="37">
        <v>159742</v>
      </c>
      <c r="M32" s="37">
        <v>16</v>
      </c>
      <c r="N32" s="36">
        <v>-3.56</v>
      </c>
      <c r="O32" s="43">
        <v>162996</v>
      </c>
      <c r="P32" s="39">
        <v>7</v>
      </c>
      <c r="Q32" s="40">
        <v>2.04</v>
      </c>
      <c r="U32" s="45"/>
    </row>
    <row r="33" spans="1:21" ht="19.5" customHeight="1" x14ac:dyDescent="0.2">
      <c r="A33" s="42">
        <v>28</v>
      </c>
      <c r="B33" s="34" t="s">
        <v>46</v>
      </c>
      <c r="C33" s="35">
        <v>176213</v>
      </c>
      <c r="D33" s="35">
        <v>6</v>
      </c>
      <c r="E33" s="36">
        <v>4.8099999999999996</v>
      </c>
      <c r="F33" s="35">
        <v>169048</v>
      </c>
      <c r="G33" s="35">
        <v>8</v>
      </c>
      <c r="H33" s="36">
        <v>-4.07</v>
      </c>
      <c r="I33" s="35">
        <v>165373</v>
      </c>
      <c r="J33" s="35">
        <v>7</v>
      </c>
      <c r="K33" s="36">
        <v>-2.17</v>
      </c>
      <c r="L33" s="37">
        <v>169226</v>
      </c>
      <c r="M33" s="37">
        <v>4</v>
      </c>
      <c r="N33" s="36">
        <v>2.33</v>
      </c>
      <c r="O33" s="43">
        <v>167453</v>
      </c>
      <c r="P33" s="39">
        <v>2</v>
      </c>
      <c r="Q33" s="40">
        <v>-1.05</v>
      </c>
      <c r="U33" s="45"/>
    </row>
    <row r="34" spans="1:21" ht="19.5" customHeight="1" x14ac:dyDescent="0.2">
      <c r="A34" s="42">
        <v>29</v>
      </c>
      <c r="B34" s="34" t="s">
        <v>47</v>
      </c>
      <c r="C34" s="35">
        <v>157366</v>
      </c>
      <c r="D34" s="35">
        <v>22</v>
      </c>
      <c r="E34" s="36">
        <v>-3.97</v>
      </c>
      <c r="F34" s="35">
        <v>153659</v>
      </c>
      <c r="G34" s="35">
        <v>24</v>
      </c>
      <c r="H34" s="36">
        <v>-2.36</v>
      </c>
      <c r="I34" s="35">
        <v>148581</v>
      </c>
      <c r="J34" s="35">
        <v>26</v>
      </c>
      <c r="K34" s="36">
        <v>-3.3</v>
      </c>
      <c r="L34" s="37">
        <v>144245</v>
      </c>
      <c r="M34" s="37">
        <v>28</v>
      </c>
      <c r="N34" s="36">
        <v>-2.92</v>
      </c>
      <c r="O34" s="43">
        <v>122033</v>
      </c>
      <c r="P34" s="39">
        <v>32</v>
      </c>
      <c r="Q34" s="40">
        <v>-15.4</v>
      </c>
      <c r="U34" s="45"/>
    </row>
    <row r="35" spans="1:21" ht="19.5" customHeight="1" x14ac:dyDescent="0.2">
      <c r="A35" s="42">
        <v>30</v>
      </c>
      <c r="B35" s="34" t="s">
        <v>48</v>
      </c>
      <c r="C35" s="35">
        <v>183239</v>
      </c>
      <c r="D35" s="35">
        <v>4</v>
      </c>
      <c r="E35" s="36">
        <v>-4.1399999999999997</v>
      </c>
      <c r="F35" s="35">
        <v>174653</v>
      </c>
      <c r="G35" s="35">
        <v>4</v>
      </c>
      <c r="H35" s="36">
        <v>-4.6900000000000004</v>
      </c>
      <c r="I35" s="35">
        <v>165994</v>
      </c>
      <c r="J35" s="35">
        <v>5</v>
      </c>
      <c r="K35" s="36">
        <v>-4.96</v>
      </c>
      <c r="L35" s="37">
        <v>161837</v>
      </c>
      <c r="M35" s="37">
        <v>12</v>
      </c>
      <c r="N35" s="36">
        <v>-2.5</v>
      </c>
      <c r="O35" s="43">
        <v>151141</v>
      </c>
      <c r="P35" s="39">
        <v>21</v>
      </c>
      <c r="Q35" s="40">
        <v>-6.61</v>
      </c>
      <c r="U35" s="45"/>
    </row>
    <row r="36" spans="1:21" ht="19.5" customHeight="1" x14ac:dyDescent="0.2">
      <c r="A36" s="42">
        <v>31</v>
      </c>
      <c r="B36" s="34" t="s">
        <v>49</v>
      </c>
      <c r="C36" s="35">
        <v>199298</v>
      </c>
      <c r="D36" s="35">
        <v>1</v>
      </c>
      <c r="E36" s="36">
        <v>-5.21</v>
      </c>
      <c r="F36" s="35">
        <v>184194</v>
      </c>
      <c r="G36" s="35">
        <v>2</v>
      </c>
      <c r="H36" s="36">
        <v>-7.58</v>
      </c>
      <c r="I36" s="35">
        <v>154860</v>
      </c>
      <c r="J36" s="35">
        <v>19</v>
      </c>
      <c r="K36" s="36">
        <v>-15.93</v>
      </c>
      <c r="L36" s="37">
        <v>151580</v>
      </c>
      <c r="M36" s="37">
        <v>23</v>
      </c>
      <c r="N36" s="36">
        <v>-2.12</v>
      </c>
      <c r="O36" s="43">
        <v>143305</v>
      </c>
      <c r="P36" s="39">
        <v>27</v>
      </c>
      <c r="Q36" s="40">
        <v>-5.46</v>
      </c>
      <c r="U36" s="45"/>
    </row>
    <row r="37" spans="1:21" ht="19.5" customHeight="1" x14ac:dyDescent="0.2">
      <c r="A37" s="42">
        <v>32</v>
      </c>
      <c r="B37" s="34" t="s">
        <v>50</v>
      </c>
      <c r="C37" s="35">
        <v>158817</v>
      </c>
      <c r="D37" s="35">
        <v>19</v>
      </c>
      <c r="E37" s="36">
        <v>-3.83</v>
      </c>
      <c r="F37" s="35">
        <v>154673</v>
      </c>
      <c r="G37" s="35">
        <v>23</v>
      </c>
      <c r="H37" s="36">
        <v>-2.61</v>
      </c>
      <c r="I37" s="35">
        <v>153110</v>
      </c>
      <c r="J37" s="35">
        <v>22</v>
      </c>
      <c r="K37" s="36">
        <v>-1.01</v>
      </c>
      <c r="L37" s="37">
        <v>159899</v>
      </c>
      <c r="M37" s="37">
        <v>14</v>
      </c>
      <c r="N37" s="36">
        <v>4.43</v>
      </c>
      <c r="O37" s="43">
        <v>149028</v>
      </c>
      <c r="P37" s="39">
        <v>23</v>
      </c>
      <c r="Q37" s="40">
        <v>-6.8</v>
      </c>
      <c r="U37" s="45"/>
    </row>
    <row r="38" spans="1:21" ht="19.5" customHeight="1" thickBot="1" x14ac:dyDescent="0.25">
      <c r="A38" s="46">
        <v>33</v>
      </c>
      <c r="B38" s="47" t="s">
        <v>51</v>
      </c>
      <c r="C38" s="48">
        <v>153837</v>
      </c>
      <c r="D38" s="48">
        <v>26</v>
      </c>
      <c r="E38" s="49">
        <v>-2.63</v>
      </c>
      <c r="F38" s="48">
        <v>154806</v>
      </c>
      <c r="G38" s="48">
        <v>21</v>
      </c>
      <c r="H38" s="49">
        <v>0.63</v>
      </c>
      <c r="I38" s="48">
        <v>142730</v>
      </c>
      <c r="J38" s="48">
        <v>31</v>
      </c>
      <c r="K38" s="49">
        <v>-7.8</v>
      </c>
      <c r="L38" s="50">
        <v>141972</v>
      </c>
      <c r="M38" s="50">
        <v>30</v>
      </c>
      <c r="N38" s="49">
        <v>-0.53</v>
      </c>
      <c r="O38" s="51">
        <v>128254</v>
      </c>
      <c r="P38" s="52">
        <v>31</v>
      </c>
      <c r="Q38" s="53">
        <v>-9.66</v>
      </c>
      <c r="U38" s="45"/>
    </row>
    <row r="39" spans="1:21" ht="19.5" customHeight="1" thickTop="1" x14ac:dyDescent="0.2">
      <c r="A39" s="54">
        <v>301</v>
      </c>
      <c r="B39" s="55" t="s">
        <v>52</v>
      </c>
      <c r="C39" s="56">
        <v>333475</v>
      </c>
      <c r="D39" s="56">
        <v>5</v>
      </c>
      <c r="E39" s="57">
        <v>-0.05</v>
      </c>
      <c r="F39" s="56">
        <v>439498</v>
      </c>
      <c r="G39" s="56">
        <v>1</v>
      </c>
      <c r="H39" s="57">
        <v>31.79</v>
      </c>
      <c r="I39" s="56">
        <v>439770</v>
      </c>
      <c r="J39" s="56">
        <v>1</v>
      </c>
      <c r="K39" s="57">
        <v>0.06</v>
      </c>
      <c r="L39" s="58">
        <v>438014</v>
      </c>
      <c r="M39" s="58">
        <v>1</v>
      </c>
      <c r="N39" s="57">
        <v>-0.4</v>
      </c>
      <c r="O39" s="59">
        <v>439831</v>
      </c>
      <c r="P39" s="60">
        <v>1</v>
      </c>
      <c r="Q39" s="61">
        <v>0.41</v>
      </c>
      <c r="U39" s="62"/>
    </row>
    <row r="40" spans="1:21" ht="19.5" customHeight="1" x14ac:dyDescent="0.2">
      <c r="A40" s="42">
        <v>302</v>
      </c>
      <c r="B40" s="34" t="s">
        <v>53</v>
      </c>
      <c r="C40" s="35">
        <v>355237</v>
      </c>
      <c r="D40" s="35">
        <v>3</v>
      </c>
      <c r="E40" s="36">
        <v>5.78</v>
      </c>
      <c r="F40" s="35">
        <v>360067</v>
      </c>
      <c r="G40" s="35">
        <v>4</v>
      </c>
      <c r="H40" s="36">
        <v>1.36</v>
      </c>
      <c r="I40" s="35">
        <v>363467</v>
      </c>
      <c r="J40" s="35">
        <v>4</v>
      </c>
      <c r="K40" s="36">
        <v>0.94</v>
      </c>
      <c r="L40" s="37">
        <v>359575</v>
      </c>
      <c r="M40" s="37">
        <v>4</v>
      </c>
      <c r="N40" s="36">
        <v>-1.07</v>
      </c>
      <c r="O40" s="43">
        <v>371197</v>
      </c>
      <c r="P40" s="39">
        <v>4</v>
      </c>
      <c r="Q40" s="40">
        <v>3.23</v>
      </c>
      <c r="U40" s="62"/>
    </row>
    <row r="41" spans="1:21" ht="19.5" customHeight="1" x14ac:dyDescent="0.2">
      <c r="A41" s="42">
        <v>303</v>
      </c>
      <c r="B41" s="34" t="s">
        <v>54</v>
      </c>
      <c r="C41" s="35">
        <v>262046</v>
      </c>
      <c r="D41" s="35">
        <v>6</v>
      </c>
      <c r="E41" s="36">
        <v>12.9</v>
      </c>
      <c r="F41" s="35">
        <v>300736</v>
      </c>
      <c r="G41" s="35">
        <v>6</v>
      </c>
      <c r="H41" s="36">
        <v>14.76</v>
      </c>
      <c r="I41" s="35">
        <v>296744</v>
      </c>
      <c r="J41" s="35">
        <v>6</v>
      </c>
      <c r="K41" s="36">
        <v>-1.33</v>
      </c>
      <c r="L41" s="37">
        <v>291814</v>
      </c>
      <c r="M41" s="37">
        <v>6</v>
      </c>
      <c r="N41" s="36">
        <v>-1.66</v>
      </c>
      <c r="O41" s="43">
        <v>289870</v>
      </c>
      <c r="P41" s="39">
        <v>5</v>
      </c>
      <c r="Q41" s="40">
        <v>-0.67</v>
      </c>
      <c r="U41" s="62"/>
    </row>
    <row r="42" spans="1:21" ht="19.5" customHeight="1" x14ac:dyDescent="0.2">
      <c r="A42" s="42">
        <v>304</v>
      </c>
      <c r="B42" s="34" t="s">
        <v>55</v>
      </c>
      <c r="C42" s="35">
        <v>376996</v>
      </c>
      <c r="D42" s="35">
        <v>2</v>
      </c>
      <c r="E42" s="36">
        <v>-0.31</v>
      </c>
      <c r="F42" s="35">
        <v>375483</v>
      </c>
      <c r="G42" s="35">
        <v>3</v>
      </c>
      <c r="H42" s="36">
        <v>-0.4</v>
      </c>
      <c r="I42" s="35">
        <v>374979</v>
      </c>
      <c r="J42" s="35">
        <v>3</v>
      </c>
      <c r="K42" s="36">
        <v>-0.13</v>
      </c>
      <c r="L42" s="37">
        <v>373349</v>
      </c>
      <c r="M42" s="37">
        <v>3</v>
      </c>
      <c r="N42" s="36">
        <v>-0.43</v>
      </c>
      <c r="O42" s="43">
        <v>374949</v>
      </c>
      <c r="P42" s="39">
        <v>3</v>
      </c>
      <c r="Q42" s="40">
        <v>0.43</v>
      </c>
      <c r="U42" s="62"/>
    </row>
    <row r="43" spans="1:21" ht="19.5" customHeight="1" x14ac:dyDescent="0.2">
      <c r="A43" s="42">
        <v>305</v>
      </c>
      <c r="B43" s="34" t="s">
        <v>56</v>
      </c>
      <c r="C43" s="35">
        <v>396756</v>
      </c>
      <c r="D43" s="35">
        <v>1</v>
      </c>
      <c r="E43" s="36">
        <v>-0.4</v>
      </c>
      <c r="F43" s="35">
        <v>390232</v>
      </c>
      <c r="G43" s="35">
        <v>2</v>
      </c>
      <c r="H43" s="36">
        <v>-1.64</v>
      </c>
      <c r="I43" s="35">
        <v>387645</v>
      </c>
      <c r="J43" s="35">
        <v>2</v>
      </c>
      <c r="K43" s="36">
        <v>-0.66</v>
      </c>
      <c r="L43" s="37">
        <v>388077</v>
      </c>
      <c r="M43" s="37">
        <v>2</v>
      </c>
      <c r="N43" s="36">
        <v>0.11</v>
      </c>
      <c r="O43" s="43">
        <v>381273</v>
      </c>
      <c r="P43" s="39">
        <v>2</v>
      </c>
      <c r="Q43" s="40">
        <v>-1.75</v>
      </c>
      <c r="U43" s="62"/>
    </row>
    <row r="44" spans="1:21" ht="19.5" customHeight="1" thickBot="1" x14ac:dyDescent="0.25">
      <c r="A44" s="46">
        <v>306</v>
      </c>
      <c r="B44" s="47" t="s">
        <v>57</v>
      </c>
      <c r="C44" s="48">
        <v>337442</v>
      </c>
      <c r="D44" s="48">
        <v>4</v>
      </c>
      <c r="E44" s="49">
        <v>0.75</v>
      </c>
      <c r="F44" s="48">
        <v>344512</v>
      </c>
      <c r="G44" s="48">
        <v>5</v>
      </c>
      <c r="H44" s="49">
        <v>2.1</v>
      </c>
      <c r="I44" s="48">
        <v>349943</v>
      </c>
      <c r="J44" s="48">
        <v>5</v>
      </c>
      <c r="K44" s="49">
        <v>1.58</v>
      </c>
      <c r="L44" s="50">
        <v>355077</v>
      </c>
      <c r="M44" s="50">
        <v>5</v>
      </c>
      <c r="N44" s="49">
        <v>1.47</v>
      </c>
      <c r="O44" s="51">
        <v>255134</v>
      </c>
      <c r="P44" s="52">
        <v>6</v>
      </c>
      <c r="Q44" s="53">
        <v>-28.15</v>
      </c>
      <c r="U44" s="62"/>
    </row>
    <row r="45" spans="1:21" ht="19.5" customHeight="1" thickTop="1" thickBot="1" x14ac:dyDescent="0.25">
      <c r="A45" s="63" t="s">
        <v>58</v>
      </c>
      <c r="B45" s="64"/>
      <c r="C45" s="65">
        <v>160400</v>
      </c>
      <c r="D45" s="66"/>
      <c r="E45" s="67">
        <v>-0.42</v>
      </c>
      <c r="F45" s="65">
        <v>157235</v>
      </c>
      <c r="G45" s="66"/>
      <c r="H45" s="67">
        <v>-1.97</v>
      </c>
      <c r="I45" s="65">
        <v>159293</v>
      </c>
      <c r="J45" s="65"/>
      <c r="K45" s="67">
        <v>1.31</v>
      </c>
      <c r="L45" s="68">
        <v>154662</v>
      </c>
      <c r="M45" s="68"/>
      <c r="N45" s="67">
        <v>-2.91</v>
      </c>
      <c r="O45" s="69">
        <v>156676</v>
      </c>
      <c r="P45" s="70"/>
      <c r="Q45" s="71">
        <v>1.3</v>
      </c>
    </row>
    <row r="46" spans="1:21" ht="19.5" customHeight="1" thickTop="1" thickBot="1" x14ac:dyDescent="0.25">
      <c r="A46" s="63" t="s">
        <v>59</v>
      </c>
      <c r="B46" s="64"/>
      <c r="C46" s="65">
        <v>333685</v>
      </c>
      <c r="D46" s="66"/>
      <c r="E46" s="67">
        <v>2.5099999999999998</v>
      </c>
      <c r="F46" s="65">
        <v>354920</v>
      </c>
      <c r="G46" s="66"/>
      <c r="H46" s="67">
        <v>6.36</v>
      </c>
      <c r="I46" s="65">
        <v>358102</v>
      </c>
      <c r="J46" s="65"/>
      <c r="K46" s="67">
        <v>1.79</v>
      </c>
      <c r="L46" s="68">
        <v>357183</v>
      </c>
      <c r="M46" s="68"/>
      <c r="N46" s="67">
        <v>-0.26</v>
      </c>
      <c r="O46" s="69">
        <v>307467</v>
      </c>
      <c r="P46" s="70"/>
      <c r="Q46" s="71">
        <v>-13.92</v>
      </c>
    </row>
    <row r="47" spans="1:21" ht="19.5" customHeight="1" thickTop="1" thickBot="1" x14ac:dyDescent="0.25">
      <c r="A47" s="72" t="s">
        <v>60</v>
      </c>
      <c r="B47" s="73"/>
      <c r="C47" s="74">
        <v>169297</v>
      </c>
      <c r="D47" s="75"/>
      <c r="E47" s="76">
        <v>-0.15</v>
      </c>
      <c r="F47" s="74">
        <v>167703</v>
      </c>
      <c r="G47" s="75"/>
      <c r="H47" s="76">
        <v>-0.94</v>
      </c>
      <c r="I47" s="74">
        <v>169961</v>
      </c>
      <c r="J47" s="74"/>
      <c r="K47" s="76">
        <v>3.14</v>
      </c>
      <c r="L47" s="77">
        <v>165529</v>
      </c>
      <c r="M47" s="77"/>
      <c r="N47" s="76">
        <v>-2.61</v>
      </c>
      <c r="O47" s="78">
        <v>164989</v>
      </c>
      <c r="P47" s="79"/>
      <c r="Q47" s="80">
        <v>-0.33</v>
      </c>
    </row>
    <row r="48" spans="1:21" ht="12.75" customHeight="1" x14ac:dyDescent="0.2">
      <c r="A48" s="81"/>
      <c r="B48" s="81"/>
      <c r="C48" s="81"/>
      <c r="D48" s="81"/>
      <c r="E48" s="81"/>
      <c r="F48" s="81"/>
      <c r="G48" s="81"/>
      <c r="H48" s="81"/>
      <c r="I48" s="81"/>
      <c r="J48" s="81"/>
      <c r="K48" s="81"/>
      <c r="L48" s="81"/>
      <c r="M48" s="81"/>
      <c r="N48" s="81"/>
      <c r="O48" s="81"/>
      <c r="P48" s="81"/>
      <c r="Q48" s="81"/>
    </row>
    <row r="49" spans="3:17" x14ac:dyDescent="0.2">
      <c r="F49" s="82"/>
    </row>
    <row r="50" spans="3:17" x14ac:dyDescent="0.2">
      <c r="F50" s="82"/>
      <c r="L50" s="82"/>
    </row>
    <row r="51" spans="3:17" x14ac:dyDescent="0.2">
      <c r="C51" s="83"/>
      <c r="D51" s="83"/>
      <c r="E51" s="83"/>
      <c r="F51" s="83"/>
      <c r="G51" s="83"/>
      <c r="H51" s="83"/>
      <c r="K51" s="83"/>
      <c r="L51" s="83"/>
      <c r="N51" s="83"/>
      <c r="O51" s="83"/>
      <c r="P51" s="83"/>
      <c r="Q51" s="83"/>
    </row>
  </sheetData>
  <mergeCells count="11">
    <mergeCell ref="X3:X4"/>
    <mergeCell ref="A45:B45"/>
    <mergeCell ref="A46:B46"/>
    <mergeCell ref="A47:B47"/>
    <mergeCell ref="A48:Q48"/>
    <mergeCell ref="A3:B5"/>
    <mergeCell ref="C3:E3"/>
    <mergeCell ref="F3:H3"/>
    <mergeCell ref="I3:K3"/>
    <mergeCell ref="L3:N3"/>
    <mergeCell ref="O3:Q3"/>
  </mergeCells>
  <phoneticPr fontId="3"/>
  <printOptions horizontalCentered="1" gridLinesSet="0"/>
  <pageMargins left="0.59055118110236227" right="0.59055118110236227" top="0.59055118110236227" bottom="0.59055118110236227" header="0.23622047244094491" footer="0.39370078740157483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一世帯当たりの調定額の推移</vt:lpstr>
      <vt:lpstr>一世帯当たりの調定額の推移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1-23T01:02:31Z</dcterms:created>
  <dcterms:modified xsi:type="dcterms:W3CDTF">2023-01-23T01:05:22Z</dcterms:modified>
</cp:coreProperties>
</file>